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561E23-DAFB-4F27-9E11-20F0274F384F}" v="26" dt="2024-08-28T09:14:57.77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1919" autoAdjust="0"/>
    <p:restoredTop sz="94660"/>
  </p:normalViewPr>
  <p:slideViewPr>
    <p:cSldViewPr snapToGrid="0">
      <p:cViewPr varScale="1">
        <p:scale>
          <a:sx n="151" d="100"/>
          <a:sy n="151" d="100"/>
        </p:scale>
        <p:origin x="186" y="318"/>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09:15:18.587" v="877" actId="47"/>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delSp modSp mod">
        <pc:chgData name="Michael Sørensen Loft" userId="42949a3e-5aba-4e5d-931a-6d7b2cf6ec97" providerId="ADAL" clId="{02561E23-DAFB-4F27-9E11-20F0274F384F}" dt="2024-08-28T08:17:03.353" v="54" actId="20577"/>
        <pc:sldMkLst>
          <pc:docMk/>
          <pc:sldMk cId="0" sldId="258"/>
        </pc:sldMkLst>
        <pc:spChg chg="mod">
          <ac:chgData name="Michael Sørensen Loft" userId="42949a3e-5aba-4e5d-931a-6d7b2cf6ec97" providerId="ADAL" clId="{02561E23-DAFB-4F27-9E11-20F0274F384F}" dt="2024-08-28T08:15:44.952" v="42" actId="20577"/>
          <ac:spMkLst>
            <pc:docMk/>
            <pc:sldMk cId="0" sldId="258"/>
            <ac:spMk id="6" creationId="{00000000-0000-0000-0000-000000000000}"/>
          </ac:spMkLst>
        </pc:spChg>
        <pc:spChg chg="mod">
          <ac:chgData name="Michael Sørensen Loft" userId="42949a3e-5aba-4e5d-931a-6d7b2cf6ec97" providerId="ADAL" clId="{02561E23-DAFB-4F27-9E11-20F0274F384F}" dt="2024-08-28T08:17:03.353" v="54" actId="20577"/>
          <ac:spMkLst>
            <pc:docMk/>
            <pc:sldMk cId="0" sldId="258"/>
            <ac:spMk id="7" creationId="{00000000-0000-0000-0000-000000000000}"/>
          </ac:spMkLst>
        </pc:spChg>
        <pc:spChg chg="mod">
          <ac:chgData name="Michael Sørensen Loft" userId="42949a3e-5aba-4e5d-931a-6d7b2cf6ec97" providerId="ADAL" clId="{02561E23-DAFB-4F27-9E11-20F0274F384F}" dt="2024-08-28T08:16:59.798" v="48" actId="20577"/>
          <ac:spMkLst>
            <pc:docMk/>
            <pc:sldMk cId="0" sldId="258"/>
            <ac:spMk id="183" creationId="{00000000-0000-0000-0000-000000000000}"/>
          </ac:spMkLst>
        </pc:spChg>
        <pc:picChg chg="del">
          <ac:chgData name="Michael Sørensen Loft" userId="42949a3e-5aba-4e5d-931a-6d7b2cf6ec97" providerId="ADAL" clId="{02561E23-DAFB-4F27-9E11-20F0274F384F}" dt="2024-08-28T08:15:40.921" v="35" actId="478"/>
          <ac:picMkLst>
            <pc:docMk/>
            <pc:sldMk cId="0" sldId="258"/>
            <ac:picMk id="3" creationId="{276708BC-3BF7-DCD0-07E7-A75D15833CA8}"/>
          </ac:picMkLst>
        </pc:picChg>
      </pc:sldChg>
      <pc:sldChg chg="modSp mod">
        <pc:chgData name="Michael Sørensen Loft" userId="42949a3e-5aba-4e5d-931a-6d7b2cf6ec97" providerId="ADAL" clId="{02561E23-DAFB-4F27-9E11-20F0274F384F}" dt="2024-08-28T08:24:51.114" v="172" actId="20577"/>
        <pc:sldMkLst>
          <pc:docMk/>
          <pc:sldMk cId="0" sldId="260"/>
        </pc:sldMkLst>
        <pc:spChg chg="mod">
          <ac:chgData name="Michael Sørensen Loft" userId="42949a3e-5aba-4e5d-931a-6d7b2cf6ec97" providerId="ADAL" clId="{02561E23-DAFB-4F27-9E11-20F0274F384F}" dt="2024-08-28T08:21:46.144" v="116" actId="20577"/>
          <ac:spMkLst>
            <pc:docMk/>
            <pc:sldMk cId="0" sldId="260"/>
            <ac:spMk id="190" creationId="{00000000-0000-0000-0000-000000000000}"/>
          </ac:spMkLst>
        </pc:spChg>
        <pc:spChg chg="mod">
          <ac:chgData name="Michael Sørensen Loft" userId="42949a3e-5aba-4e5d-931a-6d7b2cf6ec97" providerId="ADAL" clId="{02561E23-DAFB-4F27-9E11-20F0274F384F}" dt="2024-08-28T08:24:51.114" v="172" actId="20577"/>
          <ac:spMkLst>
            <pc:docMk/>
            <pc:sldMk cId="0" sldId="260"/>
            <ac:spMk id="191" creationId="{00000000-0000-0000-0000-000000000000}"/>
          </ac:spMkLst>
        </pc:spChg>
        <pc:picChg chg="mod">
          <ac:chgData name="Michael Sørensen Loft" userId="42949a3e-5aba-4e5d-931a-6d7b2cf6ec97" providerId="ADAL" clId="{02561E23-DAFB-4F27-9E11-20F0274F384F}" dt="2024-08-28T08:22:05.549" v="122" actId="1076"/>
          <ac:picMkLst>
            <pc:docMk/>
            <pc:sldMk cId="0" sldId="260"/>
            <ac:picMk id="1026" creationId="{8095352C-DF5E-F71E-CE3D-1A238E435599}"/>
          </ac:picMkLst>
        </pc:picChg>
      </pc:sldChg>
      <pc:sldChg chg="addSp delSp modSp mod">
        <pc:chgData name="Michael Sørensen Loft" userId="42949a3e-5aba-4e5d-931a-6d7b2cf6ec97" providerId="ADAL" clId="{02561E23-DAFB-4F27-9E11-20F0274F384F}" dt="2024-08-28T08:27:03.639" v="187" actId="6549"/>
        <pc:sldMkLst>
          <pc:docMk/>
          <pc:sldMk cId="0" sldId="263"/>
        </pc:sldMkLst>
        <pc:spChg chg="add del">
          <ac:chgData name="Michael Sørensen Loft" userId="42949a3e-5aba-4e5d-931a-6d7b2cf6ec97" providerId="ADAL" clId="{02561E23-DAFB-4F27-9E11-20F0274F384F}" dt="2024-08-28T08:26:52.843" v="184" actId="22"/>
          <ac:spMkLst>
            <pc:docMk/>
            <pc:sldMk cId="0" sldId="263"/>
            <ac:spMk id="3" creationId="{09AF5CC2-611A-70A6-778B-33098D2416E9}"/>
          </ac:spMkLst>
        </pc:spChg>
        <pc:spChg chg="mod">
          <ac:chgData name="Michael Sørensen Loft" userId="42949a3e-5aba-4e5d-931a-6d7b2cf6ec97" providerId="ADAL" clId="{02561E23-DAFB-4F27-9E11-20F0274F384F}" dt="2024-08-28T08:27:03.639" v="187" actId="6549"/>
          <ac:spMkLst>
            <pc:docMk/>
            <pc:sldMk cId="0" sldId="263"/>
            <ac:spMk id="197" creationId="{00000000-0000-0000-0000-000000000000}"/>
          </ac:spMkLst>
        </pc:spChg>
      </pc:sldChg>
      <pc:sldChg chg="addSp delSp modSp mod">
        <pc:chgData name="Michael Sørensen Loft" userId="42949a3e-5aba-4e5d-931a-6d7b2cf6ec97" providerId="ADAL" clId="{02561E23-DAFB-4F27-9E11-20F0274F384F}" dt="2024-08-28T08:46:07.903" v="194" actId="1076"/>
        <pc:sldMkLst>
          <pc:docMk/>
          <pc:sldMk cId="0" sldId="264"/>
        </pc:sldMkLst>
        <pc:picChg chg="add mod">
          <ac:chgData name="Michael Sørensen Loft" userId="42949a3e-5aba-4e5d-931a-6d7b2cf6ec97" providerId="ADAL" clId="{02561E23-DAFB-4F27-9E11-20F0274F384F}" dt="2024-08-28T08:46:07.903" v="194" actId="1076"/>
          <ac:picMkLst>
            <pc:docMk/>
            <pc:sldMk cId="0" sldId="264"/>
            <ac:picMk id="3" creationId="{F227C753-D9CB-25CC-0A4B-97D2A78C59D1}"/>
          </ac:picMkLst>
        </pc:picChg>
        <pc:picChg chg="del">
          <ac:chgData name="Michael Sørensen Loft" userId="42949a3e-5aba-4e5d-931a-6d7b2cf6ec97" providerId="ADAL" clId="{02561E23-DAFB-4F27-9E11-20F0274F384F}" dt="2024-08-28T08:46:02.527" v="191" actId="478"/>
          <ac:picMkLst>
            <pc:docMk/>
            <pc:sldMk cId="0" sldId="264"/>
            <ac:picMk id="4" creationId="{DD213D3E-ACE5-FA25-4888-074EF9E8C315}"/>
          </ac:picMkLst>
        </pc:picChg>
      </pc:sldChg>
      <pc:sldChg chg="modSp mod">
        <pc:chgData name="Michael Sørensen Loft" userId="42949a3e-5aba-4e5d-931a-6d7b2cf6ec97" providerId="ADAL" clId="{02561E23-DAFB-4F27-9E11-20F0274F384F}" dt="2024-08-28T08:17:37.093" v="113" actId="20577"/>
        <pc:sldMkLst>
          <pc:docMk/>
          <pc:sldMk cId="4273213242" sldId="275"/>
        </pc:sldMkLst>
        <pc:spChg chg="mod">
          <ac:chgData name="Michael Sørensen Loft" userId="42949a3e-5aba-4e5d-931a-6d7b2cf6ec97" providerId="ADAL" clId="{02561E23-DAFB-4F27-9E11-20F0274F384F}" dt="2024-08-28T08:17:37.093" v="113" actId="20577"/>
          <ac:spMkLst>
            <pc:docMk/>
            <pc:sldMk cId="4273213242" sldId="275"/>
            <ac:spMk id="3" creationId="{00000000-0000-0000-0000-000000000000}"/>
          </ac:spMkLst>
        </pc:spChg>
      </pc:sldChg>
      <pc:sldChg chg="addSp modSp modAnim modNotes">
        <pc:chgData name="Michael Sørensen Loft" userId="42949a3e-5aba-4e5d-931a-6d7b2cf6ec97" providerId="ADAL" clId="{02561E23-DAFB-4F27-9E11-20F0274F384F}" dt="2024-08-28T09:11:38.333" v="794"/>
        <pc:sldMkLst>
          <pc:docMk/>
          <pc:sldMk cId="768018720" sldId="276"/>
        </pc:sldMkLst>
        <pc:picChg chg="add mod">
          <ac:chgData name="Michael Sørensen Loft" userId="42949a3e-5aba-4e5d-931a-6d7b2cf6ec97" providerId="ADAL" clId="{02561E23-DAFB-4F27-9E11-20F0274F384F}" dt="2024-08-28T09:11:29.269" v="793" actId="1076"/>
          <ac:picMkLst>
            <pc:docMk/>
            <pc:sldMk cId="768018720" sldId="276"/>
            <ac:picMk id="4098" creationId="{00000000-0000-0000-0000-000000000000}"/>
          </ac:picMkLst>
        </pc:picChg>
      </pc:sldChg>
      <pc:sldChg chg="delSp del modNotes">
        <pc:chgData name="Michael Sørensen Loft" userId="42949a3e-5aba-4e5d-931a-6d7b2cf6ec97" providerId="ADAL" clId="{02561E23-DAFB-4F27-9E11-20F0274F384F}" dt="2024-08-28T09:11:56.120" v="795" actId="47"/>
        <pc:sldMkLst>
          <pc:docMk/>
          <pc:sldMk cId="4057357406" sldId="277"/>
        </pc:sldMkLst>
        <pc:picChg chg="del">
          <ac:chgData name="Michael Sørensen Loft" userId="42949a3e-5aba-4e5d-931a-6d7b2cf6ec97" providerId="ADAL" clId="{02561E23-DAFB-4F27-9E11-20F0274F384F}" dt="2024-08-28T09:11:17.012" v="789" actId="21"/>
          <ac:picMkLst>
            <pc:docMk/>
            <pc:sldMk cId="4057357406" sldId="277"/>
            <ac:picMk id="4098" creationId="{00000000-0000-0000-0000-000000000000}"/>
          </ac:picMkLst>
        </pc:picChg>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pChg chg="add del mod ord">
          <ac:chgData name="Michael Sørensen Loft" userId="42949a3e-5aba-4e5d-931a-6d7b2cf6ec97" providerId="ADAL" clId="{02561E23-DAFB-4F27-9E11-20F0274F384F}" dt="2024-08-28T09:10:55.219" v="787" actId="700"/>
          <ac:spMkLst>
            <pc:docMk/>
            <pc:sldMk cId="3316349070" sldId="285"/>
            <ac:spMk id="2" creationId="{E3592BFE-A3B2-AD65-9667-562E919D0030}"/>
          </ac:spMkLst>
        </pc:spChg>
        <pc:spChg chg="mod ord">
          <ac:chgData name="Michael Sørensen Loft" userId="42949a3e-5aba-4e5d-931a-6d7b2cf6ec97" providerId="ADAL" clId="{02561E23-DAFB-4F27-9E11-20F0274F384F}" dt="2024-08-28T09:10:55.219" v="787" actId="700"/>
          <ac:spMkLst>
            <pc:docMk/>
            <pc:sldMk cId="3316349070" sldId="285"/>
            <ac:spMk id="3" creationId="{2A4782F7-615F-B780-15AF-8FBCDE36ED2C}"/>
          </ac:spMkLst>
        </pc:spChg>
        <pc:spChg chg="add mod">
          <ac:chgData name="Michael Sørensen Loft" userId="42949a3e-5aba-4e5d-931a-6d7b2cf6ec97" providerId="ADAL" clId="{02561E23-DAFB-4F27-9E11-20F0274F384F}" dt="2024-08-28T08:13:53.708" v="4"/>
          <ac:spMkLst>
            <pc:docMk/>
            <pc:sldMk cId="3316349070" sldId="285"/>
            <ac:spMk id="4" creationId="{27A23E1E-0DB4-26F3-9978-F8A0DA075F00}"/>
          </ac:spMkLst>
        </pc:spChg>
        <pc:spChg chg="add mod">
          <ac:chgData name="Michael Sørensen Loft" userId="42949a3e-5aba-4e5d-931a-6d7b2cf6ec97" providerId="ADAL" clId="{02561E23-DAFB-4F27-9E11-20F0274F384F}" dt="2024-08-28T08:14:45.381" v="33" actId="20577"/>
          <ac:spMkLst>
            <pc:docMk/>
            <pc:sldMk cId="3316349070" sldId="285"/>
            <ac:spMk id="5" creationId="{A2A034BE-6583-3836-99D2-164A4F15487E}"/>
          </ac:spMkLst>
        </pc:spChg>
        <pc:spChg chg="add mod">
          <ac:chgData name="Michael Sørensen Loft" userId="42949a3e-5aba-4e5d-931a-6d7b2cf6ec97" providerId="ADAL" clId="{02561E23-DAFB-4F27-9E11-20F0274F384F}" dt="2024-08-28T08:15:30.671" v="34"/>
          <ac:spMkLst>
            <pc:docMk/>
            <pc:sldMk cId="3316349070" sldId="285"/>
            <ac:spMk id="7" creationId="{71D2FE87-899D-BE2F-BDAB-15019028A0F3}"/>
          </ac:spMkLst>
        </pc:spChg>
        <pc:spChg chg="add mod">
          <ac:chgData name="Michael Sørensen Loft" userId="42949a3e-5aba-4e5d-931a-6d7b2cf6ec97" providerId="ADAL" clId="{02561E23-DAFB-4F27-9E11-20F0274F384F}" dt="2024-08-28T08:15:30.671" v="34"/>
          <ac:spMkLst>
            <pc:docMk/>
            <pc:sldMk cId="3316349070" sldId="285"/>
            <ac:spMk id="8" creationId="{D7B82AA3-8BEB-4389-4BFD-E3C896075E04}"/>
          </ac:spMkLst>
        </pc:spChg>
        <pc:spChg chg="add del mod">
          <ac:chgData name="Michael Sørensen Loft" userId="42949a3e-5aba-4e5d-931a-6d7b2cf6ec97" providerId="ADAL" clId="{02561E23-DAFB-4F27-9E11-20F0274F384F}" dt="2024-08-28T09:10:55.219" v="787" actId="700"/>
          <ac:spMkLst>
            <pc:docMk/>
            <pc:sldMk cId="3316349070" sldId="285"/>
            <ac:spMk id="9" creationId="{D8276127-B97A-220D-5731-1FDBB3354277}"/>
          </ac:spMkLst>
        </pc:spChg>
        <pc:picChg chg="add mod">
          <ac:chgData name="Michael Sørensen Loft" userId="42949a3e-5aba-4e5d-931a-6d7b2cf6ec97" providerId="ADAL" clId="{02561E23-DAFB-4F27-9E11-20F0274F384F}" dt="2024-08-28T08:15:30.671" v="34"/>
          <ac:picMkLst>
            <pc:docMk/>
            <pc:sldMk cId="3316349070" sldId="285"/>
            <ac:picMk id="6" creationId="{7FDF164F-5ED7-BCEB-76D4-71F9D52F8BDA}"/>
          </ac:picMkLst>
        </pc:picChg>
      </pc:sldChg>
      <pc:sldChg chg="modSp add mod">
        <pc:chgData name="Michael Sørensen Loft" userId="42949a3e-5aba-4e5d-931a-6d7b2cf6ec97" providerId="ADAL" clId="{02561E23-DAFB-4F27-9E11-20F0274F384F}" dt="2024-08-28T08:27:25.827" v="189" actId="6549"/>
        <pc:sldMkLst>
          <pc:docMk/>
          <pc:sldMk cId="2004499466" sldId="286"/>
        </pc:sldMkLst>
        <pc:spChg chg="mod">
          <ac:chgData name="Michael Sørensen Loft" userId="42949a3e-5aba-4e5d-931a-6d7b2cf6ec97" providerId="ADAL" clId="{02561E23-DAFB-4F27-9E11-20F0274F384F}" dt="2024-08-28T08:27:25.827" v="189" actId="6549"/>
          <ac:spMkLst>
            <pc:docMk/>
            <pc:sldMk cId="2004499466" sldId="286"/>
            <ac:spMk id="197" creationId="{00000000-0000-0000-0000-000000000000}"/>
          </ac:spMkLst>
        </pc:spChg>
      </pc:sldChg>
      <pc:sldChg chg="delSp add del modAnim">
        <pc:chgData name="Michael Sørensen Loft" userId="42949a3e-5aba-4e5d-931a-6d7b2cf6ec97" providerId="ADAL" clId="{02561E23-DAFB-4F27-9E11-20F0274F384F}" dt="2024-08-28T08:26:03.831" v="178" actId="47"/>
        <pc:sldMkLst>
          <pc:docMk/>
          <pc:sldMk cId="2018011637" sldId="286"/>
        </pc:sldMkLst>
        <pc:picChg chg="del">
          <ac:chgData name="Michael Sørensen Loft" userId="42949a3e-5aba-4e5d-931a-6d7b2cf6ec97" providerId="ADAL" clId="{02561E23-DAFB-4F27-9E11-20F0274F384F}" dt="2024-08-28T08:25:53.367" v="177" actId="478"/>
          <ac:picMkLst>
            <pc:docMk/>
            <pc:sldMk cId="2018011637" sldId="286"/>
            <ac:picMk id="1026" creationId="{8095352C-DF5E-F71E-CE3D-1A238E435599}"/>
          </ac:picMkLst>
        </pc:picChg>
      </pc:sldChg>
      <pc:sldChg chg="modSp add mod">
        <pc:chgData name="Michael Sørensen Loft" userId="42949a3e-5aba-4e5d-931a-6d7b2cf6ec97" providerId="ADAL" clId="{02561E23-DAFB-4F27-9E11-20F0274F384F}" dt="2024-08-28T08:27:44.068" v="190" actId="207"/>
        <pc:sldMkLst>
          <pc:docMk/>
          <pc:sldMk cId="3736427594" sldId="287"/>
        </pc:sldMkLst>
        <pc:spChg chg="mod">
          <ac:chgData name="Michael Sørensen Loft" userId="42949a3e-5aba-4e5d-931a-6d7b2cf6ec97" providerId="ADAL" clId="{02561E23-DAFB-4F27-9E11-20F0274F384F}" dt="2024-08-28T08:27:44.068" v="190" actId="207"/>
          <ac:spMkLst>
            <pc:docMk/>
            <pc:sldMk cId="3736427594" sldId="287"/>
            <ac:spMk id="197" creationId="{00000000-0000-0000-0000-000000000000}"/>
          </ac:spMkLst>
        </pc:spChg>
      </pc:sldChg>
      <pc:sldChg chg="addSp modSp new mod">
        <pc:chgData name="Michael Sørensen Loft" userId="42949a3e-5aba-4e5d-931a-6d7b2cf6ec97" providerId="ADAL" clId="{02561E23-DAFB-4F27-9E11-20F0274F384F}" dt="2024-08-28T08:49:27.721" v="210" actId="1076"/>
        <pc:sldMkLst>
          <pc:docMk/>
          <pc:sldMk cId="351367209" sldId="288"/>
        </pc:sldMkLst>
        <pc:spChg chg="mod">
          <ac:chgData name="Michael Sørensen Loft" userId="42949a3e-5aba-4e5d-931a-6d7b2cf6ec97" providerId="ADAL" clId="{02561E23-DAFB-4F27-9E11-20F0274F384F}" dt="2024-08-28T08:47:22.700" v="198" actId="20577"/>
          <ac:spMkLst>
            <pc:docMk/>
            <pc:sldMk cId="351367209" sldId="288"/>
            <ac:spMk id="2" creationId="{0A472528-F329-5928-9A2E-325992BD8DEF}"/>
          </ac:spMkLst>
        </pc:spChg>
        <pc:spChg chg="add mod">
          <ac:chgData name="Michael Sørensen Loft" userId="42949a3e-5aba-4e5d-931a-6d7b2cf6ec97" providerId="ADAL" clId="{02561E23-DAFB-4F27-9E11-20F0274F384F}" dt="2024-08-28T08:49:27.721" v="210" actId="1076"/>
          <ac:spMkLst>
            <pc:docMk/>
            <pc:sldMk cId="351367209" sldId="288"/>
            <ac:spMk id="6" creationId="{F8C912F0-0DC3-5A2B-1BD2-1146C9A23CDE}"/>
          </ac:spMkLst>
        </pc:spChg>
        <pc:picChg chg="add mod">
          <ac:chgData name="Michael Sørensen Loft" userId="42949a3e-5aba-4e5d-931a-6d7b2cf6ec97" providerId="ADAL" clId="{02561E23-DAFB-4F27-9E11-20F0274F384F}" dt="2024-08-28T08:48:48.764" v="201" actId="1076"/>
          <ac:picMkLst>
            <pc:docMk/>
            <pc:sldMk cId="351367209" sldId="288"/>
            <ac:picMk id="5" creationId="{0E576372-A3CD-4EF0-95A2-61CC82993F77}"/>
          </ac:picMkLst>
        </pc:picChg>
      </pc:sldChg>
      <pc:sldChg chg="addSp modSp new mod">
        <pc:chgData name="Michael Sørensen Loft" userId="42949a3e-5aba-4e5d-931a-6d7b2cf6ec97" providerId="ADAL" clId="{02561E23-DAFB-4F27-9E11-20F0274F384F}" dt="2024-08-28T08:52:00.953" v="222" actId="1076"/>
        <pc:sldMkLst>
          <pc:docMk/>
          <pc:sldMk cId="3353773391" sldId="289"/>
        </pc:sldMkLst>
        <pc:spChg chg="mod">
          <ac:chgData name="Michael Sørensen Loft" userId="42949a3e-5aba-4e5d-931a-6d7b2cf6ec97" providerId="ADAL" clId="{02561E23-DAFB-4F27-9E11-20F0274F384F}" dt="2024-08-28T08:51:37.183" v="214" actId="20577"/>
          <ac:spMkLst>
            <pc:docMk/>
            <pc:sldMk cId="3353773391" sldId="289"/>
            <ac:spMk id="2" creationId="{8F1B77AC-73E8-7879-1005-73373584501B}"/>
          </ac:spMkLst>
        </pc:spChg>
        <pc:picChg chg="add mod">
          <ac:chgData name="Michael Sørensen Loft" userId="42949a3e-5aba-4e5d-931a-6d7b2cf6ec97" providerId="ADAL" clId="{02561E23-DAFB-4F27-9E11-20F0274F384F}" dt="2024-08-28T08:52:00.953" v="222" actId="1076"/>
          <ac:picMkLst>
            <pc:docMk/>
            <pc:sldMk cId="3353773391" sldId="289"/>
            <ac:picMk id="5" creationId="{633ACEFC-D9E3-27D1-F757-33930D1C3573}"/>
          </ac:picMkLst>
        </pc:picChg>
      </pc:sldChg>
      <pc:sldChg chg="addSp new mod">
        <pc:chgData name="Michael Sørensen Loft" userId="42949a3e-5aba-4e5d-931a-6d7b2cf6ec97" providerId="ADAL" clId="{02561E23-DAFB-4F27-9E11-20F0274F384F}" dt="2024-08-28T08:52:21.121" v="224" actId="22"/>
        <pc:sldMkLst>
          <pc:docMk/>
          <pc:sldMk cId="1246161811" sldId="290"/>
        </pc:sldMkLst>
        <pc:picChg chg="add">
          <ac:chgData name="Michael Sørensen Loft" userId="42949a3e-5aba-4e5d-931a-6d7b2cf6ec97" providerId="ADAL" clId="{02561E23-DAFB-4F27-9E11-20F0274F384F}" dt="2024-08-28T08:52:21.121" v="224" actId="22"/>
          <ac:picMkLst>
            <pc:docMk/>
            <pc:sldMk cId="1246161811" sldId="290"/>
            <ac:picMk id="5" creationId="{2F06BA9F-5EBF-EA3A-653E-6FA3012072F5}"/>
          </ac:picMkLst>
        </pc:picChg>
      </pc:sldChg>
      <pc:sldChg chg="addSp delSp modSp new del mod">
        <pc:chgData name="Michael Sørensen Loft" userId="42949a3e-5aba-4e5d-931a-6d7b2cf6ec97" providerId="ADAL" clId="{02561E23-DAFB-4F27-9E11-20F0274F384F}" dt="2024-08-28T09:15:18.587" v="877" actId="47"/>
        <pc:sldMkLst>
          <pc:docMk/>
          <pc:sldMk cId="2045548083" sldId="291"/>
        </pc:sldMkLst>
        <pc:spChg chg="mod">
          <ac:chgData name="Michael Sørensen Loft" userId="42949a3e-5aba-4e5d-931a-6d7b2cf6ec97" providerId="ADAL" clId="{02561E23-DAFB-4F27-9E11-20F0274F384F}" dt="2024-08-28T08:53:32.449" v="228" actId="20577"/>
          <ac:spMkLst>
            <pc:docMk/>
            <pc:sldMk cId="2045548083" sldId="291"/>
            <ac:spMk id="2" creationId="{9DE5DDE3-38CE-D1AB-18FD-074A7508B150}"/>
          </ac:spMkLst>
        </pc:spChg>
        <pc:spChg chg="mod">
          <ac:chgData name="Michael Sørensen Loft" userId="42949a3e-5aba-4e5d-931a-6d7b2cf6ec97" providerId="ADAL" clId="{02561E23-DAFB-4F27-9E11-20F0274F384F}" dt="2024-08-28T08:59:27.364" v="592" actId="207"/>
          <ac:spMkLst>
            <pc:docMk/>
            <pc:sldMk cId="2045548083" sldId="291"/>
            <ac:spMk id="3" creationId="{D760389E-0811-98AD-0F07-BDCA3787CA04}"/>
          </ac:spMkLst>
        </pc:spChg>
        <pc:picChg chg="add del mod">
          <ac:chgData name="Michael Sørensen Loft" userId="42949a3e-5aba-4e5d-931a-6d7b2cf6ec97" providerId="ADAL" clId="{02561E23-DAFB-4F27-9E11-20F0274F384F}" dt="2024-08-28T09:14:56.175" v="874" actId="21"/>
          <ac:picMkLst>
            <pc:docMk/>
            <pc:sldMk cId="2045548083" sldId="291"/>
            <ac:picMk id="5" creationId="{22AAE6EA-813B-0879-48F1-5404331AD745}"/>
          </ac:picMkLst>
        </pc:picChg>
      </pc:sldChg>
      <pc:sldChg chg="delSp modSp add mod modClrScheme chgLayout">
        <pc:chgData name="Michael Sørensen Loft" userId="42949a3e-5aba-4e5d-931a-6d7b2cf6ec97" providerId="ADAL" clId="{02561E23-DAFB-4F27-9E11-20F0274F384F}" dt="2024-08-28T09:13:47.498" v="858" actId="27636"/>
        <pc:sldMkLst>
          <pc:docMk/>
          <pc:sldMk cId="2174568134" sldId="292"/>
        </pc:sldMkLst>
        <pc:spChg chg="mod ord">
          <ac:chgData name="Michael Sørensen Loft" userId="42949a3e-5aba-4e5d-931a-6d7b2cf6ec97" providerId="ADAL" clId="{02561E23-DAFB-4F27-9E11-20F0274F384F}" dt="2024-08-28T09:13:47.480" v="857" actId="700"/>
          <ac:spMkLst>
            <pc:docMk/>
            <pc:sldMk cId="2174568134" sldId="292"/>
            <ac:spMk id="2" creationId="{9DE5DDE3-38CE-D1AB-18FD-074A7508B150}"/>
          </ac:spMkLst>
        </pc:spChg>
        <pc:spChg chg="mod">
          <ac:chgData name="Michael Sørensen Loft" userId="42949a3e-5aba-4e5d-931a-6d7b2cf6ec97" providerId="ADAL" clId="{02561E23-DAFB-4F27-9E11-20F0274F384F}" dt="2024-08-28T09:13:47.498" v="858" actId="27636"/>
          <ac:spMkLst>
            <pc:docMk/>
            <pc:sldMk cId="2174568134" sldId="292"/>
            <ac:spMk id="3" creationId="{D760389E-0811-98AD-0F07-BDCA3787CA04}"/>
          </ac:spMkLst>
        </pc:spChg>
        <pc:picChg chg="del">
          <ac:chgData name="Michael Sørensen Loft" userId="42949a3e-5aba-4e5d-931a-6d7b2cf6ec97" providerId="ADAL" clId="{02561E23-DAFB-4F27-9E11-20F0274F384F}" dt="2024-08-28T08:58:56.545" v="590" actId="478"/>
          <ac:picMkLst>
            <pc:docMk/>
            <pc:sldMk cId="2174568134" sldId="292"/>
            <ac:picMk id="5" creationId="{22AAE6EA-813B-0879-48F1-5404331AD745}"/>
          </ac:picMkLst>
        </pc:picChg>
      </pc:sldChg>
      <pc:sldChg chg="addSp delSp modSp new mod">
        <pc:chgData name="Michael Sørensen Loft" userId="42949a3e-5aba-4e5d-931a-6d7b2cf6ec97" providerId="ADAL" clId="{02561E23-DAFB-4F27-9E11-20F0274F384F}" dt="2024-08-28T09:09:35.231" v="783" actId="20577"/>
        <pc:sldMkLst>
          <pc:docMk/>
          <pc:sldMk cId="3321140511" sldId="293"/>
        </pc:sldMkLst>
        <pc:spChg chg="mod">
          <ac:chgData name="Michael Sørensen Loft" userId="42949a3e-5aba-4e5d-931a-6d7b2cf6ec97" providerId="ADAL" clId="{02561E23-DAFB-4F27-9E11-20F0274F384F}" dt="2024-08-28T09:09:35.231" v="783" actId="20577"/>
          <ac:spMkLst>
            <pc:docMk/>
            <pc:sldMk cId="3321140511" sldId="293"/>
            <ac:spMk id="2" creationId="{270D8B4B-49AE-0773-BF3D-9E8E58F11615}"/>
          </ac:spMkLst>
        </pc:spChg>
        <pc:picChg chg="add del">
          <ac:chgData name="Michael Sørensen Loft" userId="42949a3e-5aba-4e5d-931a-6d7b2cf6ec97" providerId="ADAL" clId="{02561E23-DAFB-4F27-9E11-20F0274F384F}" dt="2024-08-28T09:06:39.345" v="710" actId="22"/>
          <ac:picMkLst>
            <pc:docMk/>
            <pc:sldMk cId="3321140511" sldId="293"/>
            <ac:picMk id="5" creationId="{CF76AC3E-A34D-4818-6077-9A4A5B424614}"/>
          </ac:picMkLst>
        </pc:picChg>
        <pc:picChg chg="add mod">
          <ac:chgData name="Michael Sørensen Loft" userId="42949a3e-5aba-4e5d-931a-6d7b2cf6ec97" providerId="ADAL" clId="{02561E23-DAFB-4F27-9E11-20F0274F384F}" dt="2024-08-28T09:09:12.071" v="753" actId="1076"/>
          <ac:picMkLst>
            <pc:docMk/>
            <pc:sldMk cId="3321140511" sldId="293"/>
            <ac:picMk id="7" creationId="{61295250-EE6D-3546-7E93-DC9357208229}"/>
          </ac:picMkLst>
        </pc:picChg>
      </pc:sldChg>
      <pc:sldChg chg="addSp modSp add mod">
        <pc:chgData name="Michael Sørensen Loft" userId="42949a3e-5aba-4e5d-931a-6d7b2cf6ec97" providerId="ADAL" clId="{02561E23-DAFB-4F27-9E11-20F0274F384F}" dt="2024-08-28T09:08:47.229" v="752" actId="207"/>
        <pc:sldMkLst>
          <pc:docMk/>
          <pc:sldMk cId="3759969495" sldId="294"/>
        </pc:sldMkLst>
        <pc:spChg chg="add mod ord">
          <ac:chgData name="Michael Sørensen Loft" userId="42949a3e-5aba-4e5d-931a-6d7b2cf6ec97" providerId="ADAL" clId="{02561E23-DAFB-4F27-9E11-20F0274F384F}" dt="2024-08-28T09:08:47.229" v="752" actId="207"/>
          <ac:spMkLst>
            <pc:docMk/>
            <pc:sldMk cId="3759969495" sldId="294"/>
            <ac:spMk id="6" creationId="{37CC23DF-323A-CF9D-2480-8D42C0B4CD3B}"/>
          </ac:spMkLst>
        </pc:spChg>
        <pc:picChg chg="add">
          <ac:chgData name="Michael Sørensen Loft" userId="42949a3e-5aba-4e5d-931a-6d7b2cf6ec97" providerId="ADAL" clId="{02561E23-DAFB-4F27-9E11-20F0274F384F}" dt="2024-08-28T09:07:15.192" v="714" actId="22"/>
          <ac:picMkLst>
            <pc:docMk/>
            <pc:sldMk cId="3759969495" sldId="294"/>
            <ac:picMk id="5" creationId="{44EE4DDC-11A7-65B5-68A3-623E9ABBB581}"/>
          </ac:picMkLst>
        </pc:picChg>
        <pc:picChg chg="mod">
          <ac:chgData name="Michael Sørensen Loft" userId="42949a3e-5aba-4e5d-931a-6d7b2cf6ec97" providerId="ADAL" clId="{02561E23-DAFB-4F27-9E11-20F0274F384F}" dt="2024-08-28T09:08:06.288" v="738" actId="207"/>
          <ac:picMkLst>
            <pc:docMk/>
            <pc:sldMk cId="3759969495" sldId="294"/>
            <ac:picMk id="7" creationId="{61295250-EE6D-3546-7E93-DC9357208229}"/>
          </ac:picMkLst>
        </pc:picChg>
      </pc:sldChg>
      <pc:sldChg chg="addSp delSp modSp add mod modClrScheme chgLayout">
        <pc:chgData name="Michael Sørensen Loft" userId="42949a3e-5aba-4e5d-931a-6d7b2cf6ec97" providerId="ADAL" clId="{02561E23-DAFB-4F27-9E11-20F0274F384F}" dt="2024-08-28T09:15:14.749" v="876" actId="207"/>
        <pc:sldMkLst>
          <pc:docMk/>
          <pc:sldMk cId="2949954443" sldId="295"/>
        </pc:sldMkLst>
        <pc:spChg chg="mod ord">
          <ac:chgData name="Michael Sørensen Loft" userId="42949a3e-5aba-4e5d-931a-6d7b2cf6ec97" providerId="ADAL" clId="{02561E23-DAFB-4F27-9E11-20F0274F384F}" dt="2024-08-28T09:14:51.305" v="872" actId="700"/>
          <ac:spMkLst>
            <pc:docMk/>
            <pc:sldMk cId="2949954443" sldId="295"/>
            <ac:spMk id="2" creationId="{9DE5DDE3-38CE-D1AB-18FD-074A7508B150}"/>
          </ac:spMkLst>
        </pc:spChg>
        <pc:spChg chg="mod ord">
          <ac:chgData name="Michael Sørensen Loft" userId="42949a3e-5aba-4e5d-931a-6d7b2cf6ec97" providerId="ADAL" clId="{02561E23-DAFB-4F27-9E11-20F0274F384F}" dt="2024-08-28T09:15:14.749" v="876" actId="207"/>
          <ac:spMkLst>
            <pc:docMk/>
            <pc:sldMk cId="2949954443" sldId="295"/>
            <ac:spMk id="3" creationId="{D760389E-0811-98AD-0F07-BDCA3787CA04}"/>
          </ac:spMkLst>
        </pc:spChg>
        <pc:spChg chg="add del mod">
          <ac:chgData name="Michael Sørensen Loft" userId="42949a3e-5aba-4e5d-931a-6d7b2cf6ec97" providerId="ADAL" clId="{02561E23-DAFB-4F27-9E11-20F0274F384F}" dt="2024-08-28T09:14:44.966" v="870" actId="700"/>
          <ac:spMkLst>
            <pc:docMk/>
            <pc:sldMk cId="2949954443" sldId="295"/>
            <ac:spMk id="4" creationId="{5D2F1AC2-F35B-E325-3D1C-AEB6CDE64FB2}"/>
          </ac:spMkLst>
        </pc:spChg>
        <pc:picChg chg="add mod">
          <ac:chgData name="Michael Sørensen Loft" userId="42949a3e-5aba-4e5d-931a-6d7b2cf6ec97" providerId="ADAL" clId="{02561E23-DAFB-4F27-9E11-20F0274F384F}" dt="2024-08-28T09:13:59.337" v="862"/>
          <ac:picMkLst>
            <pc:docMk/>
            <pc:sldMk cId="2949954443" sldId="295"/>
            <ac:picMk id="5" creationId="{22AAE6EA-813B-0879-48F1-5404331AD745}"/>
          </ac:picMkLst>
        </pc:picChg>
        <pc:picChg chg="add mod">
          <ac:chgData name="Michael Sørensen Loft" userId="42949a3e-5aba-4e5d-931a-6d7b2cf6ec97" providerId="ADAL" clId="{02561E23-DAFB-4F27-9E11-20F0274F384F}" dt="2024-08-28T09:14:57.777" v="875"/>
          <ac:picMkLst>
            <pc:docMk/>
            <pc:sldMk cId="2949954443" sldId="295"/>
            <ac:picMk id="6" creationId="{22AAE6EA-813B-0879-48F1-5404331AD745}"/>
          </ac:picMkLst>
        </pc:picChg>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pChg chg="del mod">
          <ac:chgData name="Michael Sørensen Loft" userId="42949a3e-5aba-4e5d-931a-6d7b2cf6ec97" providerId="ADAL" clId="{02561E23-DAFB-4F27-9E11-20F0274F384F}" dt="2024-08-28T08:14:35.435" v="32" actId="478"/>
          <ac:spMkLst>
            <pc:docMk/>
            <pc:sldMasterMk cId="0" sldId="2147483648"/>
            <ac:spMk id="6" creationId="{00000000-0000-0000-0000-000000000000}"/>
          </ac:spMkLst>
        </pc:spChg>
        <pc:spChg chg="del mod">
          <ac:chgData name="Michael Sørensen Loft" userId="42949a3e-5aba-4e5d-931a-6d7b2cf6ec97" providerId="ADAL" clId="{02561E23-DAFB-4F27-9E11-20F0274F384F}" dt="2024-08-28T08:14:28.436" v="29" actId="478"/>
          <ac:spMkLst>
            <pc:docMk/>
            <pc:sldMasterMk cId="0" sldId="2147483648"/>
            <ac:spMk id="7" creationId="{00000000-0000-0000-0000-000000000000}"/>
          </ac:spMkLst>
        </pc:spChg>
        <pc:spChg chg="del mod">
          <ac:chgData name="Michael Sørensen Loft" userId="42949a3e-5aba-4e5d-931a-6d7b2cf6ec97" providerId="ADAL" clId="{02561E23-DAFB-4F27-9E11-20F0274F384F}" dt="2024-08-28T08:14:24.395" v="27" actId="478"/>
          <ac:spMkLst>
            <pc:docMk/>
            <pc:sldMasterMk cId="0" sldId="2147483648"/>
            <ac:spMk id="9" creationId="{00000000-0000-0000-0000-000000000000}"/>
          </ac:spMkLst>
        </pc:spChg>
        <pc:picChg chg="del">
          <ac:chgData name="Michael Sørensen Loft" userId="42949a3e-5aba-4e5d-931a-6d7b2cf6ec97" providerId="ADAL" clId="{02561E23-DAFB-4F27-9E11-20F0274F384F}" dt="2024-08-28T08:14:29.693" v="30" actId="478"/>
          <ac:picMkLst>
            <pc:docMk/>
            <pc:sldMasterMk cId="0" sldId="2147483648"/>
            <ac:picMk id="5" creationId="{00000000-0000-0000-0000-000000000000}"/>
          </ac:picMkLst>
        </pc:pic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28-08-2024</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8/2024</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8/08/2024</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2.jpeg"/></Relationships>
</file>

<file path=ppt/slides/_rels/slide15.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image" Target="../media/image11.jpe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3.jp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6.jpg"/><Relationship Id="rId5" Type="http://schemas.openxmlformats.org/officeDocument/2006/relationships/image" Target="../media/image15.png"/><Relationship Id="rId4" Type="http://schemas.openxmlformats.org/officeDocument/2006/relationships/image" Target="../media/image14.png"/></Relationships>
</file>

<file path=ppt/slides/_rels/slide8.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18" Type="http://schemas.openxmlformats.org/officeDocument/2006/relationships/image" Target="../media/image33.svg"/><Relationship Id="rId3" Type="http://schemas.openxmlformats.org/officeDocument/2006/relationships/image" Target="../media/image18.png"/><Relationship Id="rId21" Type="http://schemas.openxmlformats.org/officeDocument/2006/relationships/image" Target="../media/image36.png"/><Relationship Id="rId7" Type="http://schemas.openxmlformats.org/officeDocument/2006/relationships/image" Target="../media/image22.png"/><Relationship Id="rId12" Type="http://schemas.openxmlformats.org/officeDocument/2006/relationships/image" Target="../media/image27.svg"/><Relationship Id="rId17" Type="http://schemas.openxmlformats.org/officeDocument/2006/relationships/image" Target="../media/image32.png"/><Relationship Id="rId2" Type="http://schemas.openxmlformats.org/officeDocument/2006/relationships/notesSlide" Target="../notesSlides/notesSlide5.xml"/><Relationship Id="rId16" Type="http://schemas.openxmlformats.org/officeDocument/2006/relationships/image" Target="../media/image31.svg"/><Relationship Id="rId20" Type="http://schemas.openxmlformats.org/officeDocument/2006/relationships/image" Target="../media/image35.svg"/><Relationship Id="rId1" Type="http://schemas.openxmlformats.org/officeDocument/2006/relationships/slideLayout" Target="../slideLayouts/slideLayout13.xml"/><Relationship Id="rId6" Type="http://schemas.openxmlformats.org/officeDocument/2006/relationships/image" Target="../media/image21.svg"/><Relationship Id="rId11" Type="http://schemas.openxmlformats.org/officeDocument/2006/relationships/image" Target="../media/image26.png"/><Relationship Id="rId24" Type="http://schemas.openxmlformats.org/officeDocument/2006/relationships/image" Target="../media/image39.png"/><Relationship Id="rId5" Type="http://schemas.openxmlformats.org/officeDocument/2006/relationships/image" Target="../media/image20.png"/><Relationship Id="rId15" Type="http://schemas.openxmlformats.org/officeDocument/2006/relationships/image" Target="../media/image30.png"/><Relationship Id="rId23" Type="http://schemas.openxmlformats.org/officeDocument/2006/relationships/image" Target="../media/image38.png"/><Relationship Id="rId10" Type="http://schemas.openxmlformats.org/officeDocument/2006/relationships/image" Target="../media/image25.svg"/><Relationship Id="rId19" Type="http://schemas.openxmlformats.org/officeDocument/2006/relationships/image" Target="../media/image34.png"/><Relationship Id="rId4" Type="http://schemas.openxmlformats.org/officeDocument/2006/relationships/image" Target="../media/image19.svg"/><Relationship Id="rId9" Type="http://schemas.openxmlformats.org/officeDocument/2006/relationships/image" Target="../media/image24.png"/><Relationship Id="rId14" Type="http://schemas.openxmlformats.org/officeDocument/2006/relationships/image" Target="../media/image29.svg"/><Relationship Id="rId22" Type="http://schemas.openxmlformats.org/officeDocument/2006/relationships/image" Target="../media/image37.svg"/></Relationships>
</file>

<file path=ppt/slides/_rels/slide9.xml.rels><?xml version="1.0" encoding="UTF-8" standalone="yes"?>
<Relationships xmlns="http://schemas.openxmlformats.org/package/2006/relationships"><Relationship Id="rId2" Type="http://schemas.openxmlformats.org/officeDocument/2006/relationships/image" Target="../media/image40.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592BFE-A3B2-AD65-9667-562E919D0030}"/>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p:txBody>
          <a:bodyPr/>
          <a:lstStyle/>
          <a:p>
            <a:pPr marL="0" indent="0">
              <a:buNone/>
            </a:pPr>
            <a:r>
              <a:rPr lang="da-DK" sz="2800" b="0" strike="noStrike" spc="-1" dirty="0">
                <a:solidFill>
                  <a:srgbClr val="FFFFFF"/>
                </a:solidFill>
                <a:latin typeface="Gill Sans MT"/>
              </a:rPr>
              <a:t>ST3ITS3 Introduktion</a:t>
            </a:r>
            <a:endParaRPr lang="da-DK" sz="2800" b="0" strike="noStrike" spc="-1" dirty="0">
              <a:solidFill>
                <a:srgbClr val="000000"/>
              </a:solidFill>
              <a:latin typeface="Gill Sans MT"/>
            </a:endParaRPr>
          </a:p>
          <a:p>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a:extLst>
              <a:ext uri="{FF2B5EF4-FFF2-40B4-BE49-F238E27FC236}">
                <a16:creationId xmlns:a16="http://schemas.microsoft.com/office/drawing/2014/main" id="{F227C753-D9CB-25CC-0A4B-97D2A78C59D1}"/>
              </a:ext>
            </a:extLst>
          </p:cNvPr>
          <p:cNvPicPr>
            <a:picLocks noChangeAspect="1"/>
          </p:cNvPicPr>
          <p:nvPr/>
        </p:nvPicPr>
        <p:blipFill>
          <a:blip r:embed="rId3"/>
          <a:stretch>
            <a:fillRect/>
          </a:stretch>
        </p:blipFill>
        <p:spPr>
          <a:xfrm>
            <a:off x="4378898" y="311727"/>
            <a:ext cx="6247741" cy="6234545"/>
          </a:xfrm>
          <a:prstGeom prst="rect">
            <a:avLst/>
          </a:prstGeom>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5DDE3-38CE-D1AB-18FD-074A7508B150}"/>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D760389E-0811-98AD-0F07-BDCA3787CA04}"/>
              </a:ext>
            </a:extLst>
          </p:cNvPr>
          <p:cNvSpPr>
            <a:spLocks noGrp="1"/>
          </p:cNvSpPr>
          <p:nvPr>
            <p:ph type="body"/>
          </p:nvPr>
        </p:nvSpPr>
        <p:spPr/>
        <p:txBody>
          <a:bodyPr>
            <a:normAutofit lnSpcReduction="1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5DDE3-38CE-D1AB-18FD-074A7508B150}"/>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D760389E-0811-98AD-0F07-BDCA3787CA04}"/>
              </a:ext>
            </a:extLst>
          </p:cNvPr>
          <p:cNvSpPr>
            <a:spLocks noGrp="1"/>
          </p:cNvSpPr>
          <p:nvPr>
            <p:ph type="body"/>
          </p:nvPr>
        </p:nvSpPr>
        <p:spPr/>
        <p:txBody>
          <a:bodyPr>
            <a:normAutofit lnSpcReduction="1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1DB43876-821A-53B5-737A-4B483A90BF85}"/>
              </a:ext>
            </a:extLst>
          </p:cNvPr>
          <p:cNvSpPr>
            <a:spLocks noGrp="1"/>
          </p:cNvSpPr>
          <p:nvPr>
            <p:ph type="subTitle"/>
          </p:nvPr>
        </p:nvSpPr>
        <p:spPr/>
        <p:txBody>
          <a:bodyPr/>
          <a:lstStyle/>
          <a:p>
            <a:endParaRPr lang="da-DK"/>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2A0A58-9C23-71AB-26BC-88949E6CE357}"/>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580325B6-C54C-8D14-5E7B-6735C2629A1B}"/>
              </a:ext>
            </a:extLst>
          </p:cNvPr>
          <p:cNvSpPr>
            <a:spLocks noGrp="1"/>
          </p:cNvSpPr>
          <p:nvPr>
            <p:ph type="subTitle"/>
          </p:nvPr>
        </p:nvSpPr>
        <p:spPr/>
        <p:txBody>
          <a:bodyPr/>
          <a:lstStyle/>
          <a:p>
            <a:endParaRPr lang="da-DK"/>
          </a:p>
        </p:txBody>
      </p:sp>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818F9E4E-7CDE-C6BC-C053-257D46966CFC}"/>
              </a:ext>
            </a:extLst>
          </p:cNvPr>
          <p:cNvSpPr>
            <a:spLocks noGrp="1"/>
          </p:cNvSpPr>
          <p:nvPr>
            <p:ph type="subTitle"/>
          </p:nvPr>
        </p:nvSpPr>
        <p:spPr/>
        <p:txBody>
          <a:bodyPr/>
          <a:lstStyle/>
          <a:p>
            <a:endParaRPr lang="da-DK" dirty="0"/>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WPF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spc="-1" dirty="0">
                <a:solidFill>
                  <a:srgbClr val="000000"/>
                </a:solidFill>
                <a:latin typeface="Gill Sans MT"/>
              </a:rPr>
              <a:t>Events</a:t>
            </a:r>
          </a:p>
          <a:p>
            <a:pPr>
              <a:lnSpc>
                <a:spcPct val="90000"/>
              </a:lnSpc>
              <a:spcBef>
                <a:spcPts val="1001"/>
              </a:spcBef>
            </a:pPr>
            <a:r>
              <a:rPr lang="da-DK" sz="2800" spc="-1" dirty="0" err="1">
                <a:solidFill>
                  <a:srgbClr val="000000"/>
                </a:solidFill>
                <a:latin typeface="Gill Sans MT"/>
              </a:rPr>
              <a:t>Delegates</a:t>
            </a:r>
            <a:endParaRPr lang="da-DK" sz="2800" spc="-1" dirty="0">
              <a:solidFill>
                <a:srgbClr val="000000"/>
              </a:solidFill>
              <a:latin typeface="Gill Sans MT"/>
            </a:endParaRP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b="0" strike="noStrike" spc="-1" dirty="0">
                <a:solidFill>
                  <a:srgbClr val="000000"/>
                </a:solidFill>
                <a:latin typeface="Gill Sans MT"/>
              </a:rPr>
              <a:t>UML </a:t>
            </a: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321280"/>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a:effectLst/>
                <a:latin typeface="Gill Sans MT" panose="020B0502020104020203" pitchFamily="34" charset="77"/>
              </a:rPr>
              <a:t>Mustafa</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r>
              <a:rPr lang="da-DK" sz="2000" b="1" dirty="0"/>
              <a:t>Anvende </a:t>
            </a:r>
            <a:r>
              <a:rPr lang="da-DK" sz="2000" dirty="0"/>
              <a:t>designmønstre til udvikling af applikationer</a:t>
            </a:r>
          </a:p>
          <a:p>
            <a:endParaRPr lang="da-DK" sz="2000"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protokoller til at kommunikere mellem applikationer på forskellige </a:t>
            </a:r>
          </a:p>
          <a:p>
            <a:r>
              <a:rPr lang="da-DK" sz="2000" dirty="0"/>
              <a:t>enheder</a:t>
            </a:r>
          </a:p>
          <a:p>
            <a:endParaRPr lang="da-DK" sz="2000" b="1" dirty="0"/>
          </a:p>
          <a:p>
            <a:r>
              <a:rPr lang="da-DK" sz="2000" b="1" dirty="0"/>
              <a:t>Redegøre </a:t>
            </a:r>
            <a:r>
              <a:rPr lang="da-DK" sz="2000" dirty="0"/>
              <a:t>for valg af netværksprotokol</a:t>
            </a:r>
          </a:p>
          <a:p>
            <a:endParaRPr lang="da-DK" sz="2000" b="1" dirty="0"/>
          </a:p>
          <a:p>
            <a:r>
              <a:rPr lang="da-DK" sz="2000" b="1" dirty="0"/>
              <a:t>Anvende</a:t>
            </a:r>
            <a:r>
              <a:rPr lang="da-DK" sz="2000" dirty="0"/>
              <a:t> et unit test framework til kvalitetssikring af programkode</a:t>
            </a:r>
          </a:p>
          <a:p>
            <a:endParaRPr lang="da-DK" sz="2000" dirty="0"/>
          </a:p>
          <a:p>
            <a:r>
              <a:rPr lang="da-DK" sz="2000" b="1" dirty="0"/>
              <a:t>Redegøre</a:t>
            </a:r>
            <a:r>
              <a:rPr lang="da-DK" sz="2000" dirty="0"/>
              <a:t> for relevante konfigurationsteknikker</a:t>
            </a:r>
          </a:p>
          <a:p>
            <a:endParaRPr lang="da-DK" sz="2000" b="1" dirty="0"/>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2911</TotalTime>
  <Words>1206</Words>
  <Application>Microsoft Office PowerPoint</Application>
  <PresentationFormat>Widescreen</PresentationFormat>
  <Paragraphs>188</Paragraphs>
  <Slides>27</Slides>
  <Notes>10</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27</vt:i4>
      </vt:variant>
    </vt:vector>
  </HeadingPairs>
  <TitlesOfParts>
    <vt:vector size="40" baseType="lpstr">
      <vt:lpstr>Aptos</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57</cp:revision>
  <dcterms:created xsi:type="dcterms:W3CDTF">2017-09-19T09:05:55Z</dcterms:created>
  <dcterms:modified xsi:type="dcterms:W3CDTF">2024-08-28T09:15:19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